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8\③一般競争入札\3.告示起案（業務委託　２項目以上）\★告示用\212【岩田】\"/>
    </mc:Choice>
  </mc:AlternateContent>
  <xr:revisionPtr revIDLastSave="0" documentId="8_{4B779565-3945-4FD6-87C2-EA3707BA2767}" xr6:coauthVersionLast="47" xr6:coauthVersionMax="47" xr10:uidLastSave="{00000000-0000-0000-0000-000000000000}"/>
  <bookViews>
    <workbookView xWindow="1170" yWindow="795" windowWidth="19680" windowHeight="15405" xr2:uid="{82949713-B571-4ACF-BE75-FCF8C9842A20}"/>
  </bookViews>
  <sheets>
    <sheet name="212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12'!$A$1:$H$6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133" uniqueCount="64">
  <si>
    <t>名称№２１２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クロムメッキ加工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硬質クロムメッキ</t>
  </si>
  <si>
    <t>ドライブシャフト</t>
  </si>
  <si>
    <t>本</t>
  </si>
  <si>
    <t>車軸支持リンクピン①</t>
  </si>
  <si>
    <t>車軸支持リンクピン②（アウター）</t>
  </si>
  <si>
    <t>車軸支持リンクピン②（インナー）</t>
  </si>
  <si>
    <t>車軸支持リンクピン③（インナー）</t>
  </si>
  <si>
    <t>車軸支持リンクピン③（アウター）</t>
  </si>
  <si>
    <t>車軸支持リンクピン④</t>
  </si>
  <si>
    <t>車軸シール受</t>
  </si>
  <si>
    <t>個</t>
  </si>
  <si>
    <t>走行輪車軸（アウター）</t>
  </si>
  <si>
    <t>箇所</t>
  </si>
  <si>
    <t>走行輪車軸（インナー）</t>
  </si>
  <si>
    <t>走行輪ハブ（アウター）</t>
  </si>
  <si>
    <t>走行輪ハブ（インナー）</t>
  </si>
  <si>
    <t>補助輪用軸</t>
  </si>
  <si>
    <t>案内輪車軸（東西・東豊線）</t>
  </si>
  <si>
    <t>案内輪ハブ用スリーブ</t>
  </si>
  <si>
    <t>案内輪用カバー</t>
  </si>
  <si>
    <t>横揺装置用隔金</t>
  </si>
  <si>
    <t>速度発電機用軸</t>
  </si>
  <si>
    <t>速度発電機用支持腕</t>
  </si>
  <si>
    <t>速度発電機用輪心シール受</t>
  </si>
  <si>
    <t>油切り（Ｔ）</t>
  </si>
  <si>
    <t>ギヤカップリング（Ｍ）</t>
  </si>
  <si>
    <t>横揺装置</t>
  </si>
  <si>
    <t>駆動装置フタ（２）</t>
  </si>
  <si>
    <t>案内輪車軸（南北線）</t>
  </si>
  <si>
    <t>オイルダンパーロッド</t>
  </si>
  <si>
    <t>走行輪車軸Ｍ（インナー）</t>
  </si>
  <si>
    <t>走行輪車軸Ｍ（アウター）</t>
  </si>
  <si>
    <t>走行輪車軸Ｔ（インナー）</t>
  </si>
  <si>
    <t>走行輪車軸Ｔ（アウター）</t>
  </si>
  <si>
    <t>油切りT（１）</t>
  </si>
  <si>
    <t>油切り（３）</t>
  </si>
  <si>
    <t>油切りM（１）</t>
  </si>
  <si>
    <t>オイルダンパーロッド（ＨＤ5846047型）</t>
  </si>
  <si>
    <t>引張棒　軸部(φ80×246)</t>
  </si>
  <si>
    <t>引張棒　頭部(φ125×70)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芝井　静男　様</t>
    <rPh sb="1" eb="3">
      <t>コウツウ</t>
    </rPh>
    <rPh sb="3" eb="5">
      <t>キョクチョウ</t>
    </rPh>
    <rPh sb="6" eb="8">
      <t>シバイ</t>
    </rPh>
    <rPh sb="9" eb="11">
      <t>シズオ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63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7" xfId="0" applyNumberFormat="1" applyFont="1" applyBorder="1" applyAlignment="1">
      <alignment horizontal="right" vertical="center" shrinkToFit="1"/>
    </xf>
    <xf numFmtId="177" fontId="4" fillId="0" borderId="11" xfId="0" applyNumberFormat="1" applyFont="1" applyBorder="1" applyAlignment="1">
      <alignment vertical="center" shrinkToFit="1"/>
    </xf>
    <xf numFmtId="177" fontId="4" fillId="0" borderId="12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177" fontId="4" fillId="0" borderId="12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4" xfId="0" applyNumberFormat="1" applyFont="1" applyBorder="1" applyAlignment="1">
      <alignment horizontal="right" vertical="center" shrinkToFit="1"/>
    </xf>
    <xf numFmtId="177" fontId="4" fillId="0" borderId="16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7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9" xfId="0" applyNumberFormat="1" applyFont="1" applyBorder="1" applyAlignment="1">
      <alignment vertical="center" shrinkToFit="1"/>
    </xf>
    <xf numFmtId="0" fontId="12" fillId="0" borderId="15" xfId="0" applyFont="1" applyBorder="1" applyAlignment="1">
      <alignment horizontal="left" vertical="center" shrinkToFit="1"/>
    </xf>
    <xf numFmtId="177" fontId="4" fillId="0" borderId="14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177" fontId="4" fillId="0" borderId="19" xfId="0" applyNumberFormat="1" applyFont="1" applyBorder="1" applyAlignment="1">
      <alignment horizontal="right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0" xfId="0" applyFont="1" applyBorder="1" applyAlignment="1">
      <alignment horizontal="center" vertical="center" shrinkToFit="1"/>
    </xf>
    <xf numFmtId="177" fontId="4" fillId="0" borderId="21" xfId="1" applyNumberFormat="1" applyFont="1" applyBorder="1" applyAlignment="1">
      <alignment vertical="center" shrinkToFit="1"/>
    </xf>
    <xf numFmtId="0" fontId="11" fillId="0" borderId="0" xfId="0" applyFont="1" applyAlignment="1">
      <alignment horizontal="left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3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6200</xdr:colOff>
      <xdr:row>6</xdr:row>
      <xdr:rowOff>28575</xdr:rowOff>
    </xdr:from>
    <xdr:to>
      <xdr:col>1</xdr:col>
      <xdr:colOff>342900</xdr:colOff>
      <xdr:row>6</xdr:row>
      <xdr:rowOff>247650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EB191A09-B537-4869-A911-D6B2386097C4}"/>
            </a:ext>
          </a:extLst>
        </xdr:cNvPr>
        <xdr:cNvSpPr txBox="1">
          <a:spLocks noChangeArrowheads="1"/>
        </xdr:cNvSpPr>
      </xdr:nvSpPr>
      <xdr:spPr bwMode="auto">
        <a:xfrm>
          <a:off x="76200" y="1533525"/>
          <a:ext cx="571500" cy="219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L21010-s-104\110&#32207;&#21209;&#35506;\112&#22865;&#32004;&#20418;\&#9670;&#21336;&#20385;&#22865;&#32004;\R8\&#9314;&#19968;&#33324;&#31478;&#20105;&#20837;&#26413;\3.&#21578;&#31034;&#36215;&#26696;&#65288;&#26989;&#21209;&#22996;&#35351;&#12288;&#65298;&#38917;&#30446;&#20197;&#19978;&#65289;\&#23721;&#30000;\&#20837;&#26413;&#26360;&#65288;&#26989;&#21209;&#65298;&#38917;&#30446;&#20197;&#19978;&#65289;&#8251;&#35336;&#31639;&#24335;&#12459;&#12483;&#12488;.xlsx" TargetMode="External"/><Relationship Id="rId1" Type="http://schemas.openxmlformats.org/officeDocument/2006/relationships/externalLinkPath" Target="/112&#22865;&#32004;&#20418;/&#9670;&#21336;&#20385;&#22865;&#32004;/R8/&#9314;&#19968;&#33324;&#31478;&#20105;&#20837;&#26413;/3.&#21578;&#31034;&#36215;&#26696;&#65288;&#26989;&#21209;&#22996;&#35351;&#12288;&#65298;&#38917;&#30446;&#20197;&#19978;&#65289;/&#23721;&#30000;/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204"/>
      <sheetName val="210"/>
      <sheetName val="211"/>
      <sheetName val="212"/>
      <sheetName val="214"/>
      <sheetName val="230"/>
      <sheetName val="238"/>
      <sheetName val="239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FD17F2D-E8D8-477E-B85F-9A281F752D4B}">
  <sheetPr>
    <tabColor indexed="57"/>
  </sheetPr>
  <dimension ref="A1:J63"/>
  <sheetViews>
    <sheetView showZeros="0" tabSelected="1" view="pageBreakPreview" topLeftCell="A27" zoomScale="70" zoomScaleNormal="100" zoomScaleSheetLayoutView="70" workbookViewId="0">
      <selection activeCell="F45" sqref="F45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19" customWidth="1"/>
    <col min="7" max="7" width="14.625" style="5" customWidth="1"/>
    <col min="8" max="8" width="18.25" style="5" customWidth="1"/>
    <col min="9" max="16384" width="9" style="5"/>
  </cols>
  <sheetData>
    <row r="1" spans="1:10" ht="21.75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8.25" customHeight="1" x14ac:dyDescent="0.15">
      <c r="B2" s="7"/>
      <c r="C2" s="7"/>
      <c r="D2" s="8"/>
      <c r="E2" s="8"/>
      <c r="F2" s="9"/>
      <c r="G2" s="8"/>
      <c r="H2" s="8"/>
    </row>
    <row r="3" spans="1:10" ht="32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2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" customHeight="1" x14ac:dyDescent="0.15">
      <c r="A6" s="11"/>
      <c r="B6" s="11"/>
      <c r="C6" s="11"/>
      <c r="D6" s="11"/>
      <c r="E6" s="11"/>
      <c r="F6" s="11"/>
      <c r="G6" s="11"/>
      <c r="H6" s="11"/>
    </row>
    <row r="7" spans="1:10" ht="24" customHeight="1" x14ac:dyDescent="0.15">
      <c r="A7" s="17"/>
      <c r="B7" s="18" t="s">
        <v>5</v>
      </c>
      <c r="C7" s="18"/>
      <c r="D7" s="18"/>
    </row>
    <row r="8" spans="1:10" ht="21" customHeight="1" x14ac:dyDescent="0.15">
      <c r="A8" s="20" t="s">
        <v>6</v>
      </c>
      <c r="B8" s="21"/>
      <c r="C8" s="20" t="s">
        <v>7</v>
      </c>
      <c r="D8" s="21"/>
      <c r="E8" s="22" t="s">
        <v>8</v>
      </c>
      <c r="F8" s="23" t="s">
        <v>9</v>
      </c>
      <c r="G8" s="24" t="s">
        <v>10</v>
      </c>
      <c r="H8" s="23" t="s">
        <v>11</v>
      </c>
    </row>
    <row r="9" spans="1:10" ht="21" customHeight="1" x14ac:dyDescent="0.15">
      <c r="A9" s="25">
        <v>1</v>
      </c>
      <c r="B9" s="26" t="s">
        <v>12</v>
      </c>
      <c r="C9" s="27">
        <v>1</v>
      </c>
      <c r="D9" s="28" t="s">
        <v>13</v>
      </c>
      <c r="E9" s="29" t="s">
        <v>14</v>
      </c>
      <c r="F9" s="30">
        <v>58</v>
      </c>
      <c r="G9" s="31"/>
      <c r="H9" s="32"/>
    </row>
    <row r="10" spans="1:10" ht="21" customHeight="1" x14ac:dyDescent="0.15">
      <c r="A10" s="25">
        <v>1</v>
      </c>
      <c r="B10" s="33" t="s">
        <v>12</v>
      </c>
      <c r="C10" s="34">
        <v>2</v>
      </c>
      <c r="D10" s="33" t="s">
        <v>15</v>
      </c>
      <c r="E10" s="34" t="s">
        <v>14</v>
      </c>
      <c r="F10" s="35">
        <v>53</v>
      </c>
      <c r="G10" s="36"/>
      <c r="H10" s="32"/>
    </row>
    <row r="11" spans="1:10" ht="21" customHeight="1" x14ac:dyDescent="0.15">
      <c r="A11" s="25">
        <v>1</v>
      </c>
      <c r="B11" s="33" t="s">
        <v>12</v>
      </c>
      <c r="C11" s="34">
        <v>3</v>
      </c>
      <c r="D11" s="33" t="s">
        <v>16</v>
      </c>
      <c r="E11" s="34" t="s">
        <v>14</v>
      </c>
      <c r="F11" s="35">
        <v>47</v>
      </c>
      <c r="G11" s="36"/>
      <c r="H11" s="32"/>
    </row>
    <row r="12" spans="1:10" ht="21" customHeight="1" x14ac:dyDescent="0.15">
      <c r="A12" s="25">
        <v>1</v>
      </c>
      <c r="B12" s="33" t="s">
        <v>12</v>
      </c>
      <c r="C12" s="34">
        <v>4</v>
      </c>
      <c r="D12" s="33" t="s">
        <v>17</v>
      </c>
      <c r="E12" s="34" t="s">
        <v>14</v>
      </c>
      <c r="F12" s="35">
        <v>21</v>
      </c>
      <c r="G12" s="36"/>
      <c r="H12" s="32"/>
    </row>
    <row r="13" spans="1:10" ht="21" customHeight="1" x14ac:dyDescent="0.15">
      <c r="A13" s="37">
        <v>1</v>
      </c>
      <c r="B13" s="38" t="s">
        <v>12</v>
      </c>
      <c r="C13" s="37">
        <v>5</v>
      </c>
      <c r="D13" s="38" t="s">
        <v>18</v>
      </c>
      <c r="E13" s="39" t="s">
        <v>14</v>
      </c>
      <c r="F13" s="40">
        <v>43</v>
      </c>
      <c r="G13" s="41"/>
      <c r="H13" s="42"/>
    </row>
    <row r="14" spans="1:10" ht="21" customHeight="1" x14ac:dyDescent="0.15">
      <c r="A14" s="25">
        <v>1</v>
      </c>
      <c r="B14" s="43" t="s">
        <v>12</v>
      </c>
      <c r="C14" s="25">
        <v>6</v>
      </c>
      <c r="D14" s="43" t="s">
        <v>19</v>
      </c>
      <c r="E14" s="44" t="s">
        <v>14</v>
      </c>
      <c r="F14" s="45">
        <v>5</v>
      </c>
      <c r="G14" s="46"/>
      <c r="H14" s="47"/>
    </row>
    <row r="15" spans="1:10" ht="21" customHeight="1" x14ac:dyDescent="0.15">
      <c r="A15" s="25">
        <v>1</v>
      </c>
      <c r="B15" s="33" t="s">
        <v>12</v>
      </c>
      <c r="C15" s="34">
        <v>7</v>
      </c>
      <c r="D15" s="33" t="s">
        <v>20</v>
      </c>
      <c r="E15" s="34" t="s">
        <v>14</v>
      </c>
      <c r="F15" s="35">
        <v>26</v>
      </c>
      <c r="G15" s="48"/>
      <c r="H15" s="32"/>
    </row>
    <row r="16" spans="1:10" ht="21" customHeight="1" x14ac:dyDescent="0.15">
      <c r="A16" s="25">
        <v>1</v>
      </c>
      <c r="B16" s="33" t="s">
        <v>12</v>
      </c>
      <c r="C16" s="34">
        <v>8</v>
      </c>
      <c r="D16" s="33" t="s">
        <v>21</v>
      </c>
      <c r="E16" s="34" t="s">
        <v>22</v>
      </c>
      <c r="F16" s="35">
        <v>12</v>
      </c>
      <c r="G16" s="36"/>
      <c r="H16" s="32"/>
    </row>
    <row r="17" spans="1:8" ht="21" customHeight="1" x14ac:dyDescent="0.15">
      <c r="A17" s="25">
        <v>1</v>
      </c>
      <c r="B17" s="33" t="s">
        <v>12</v>
      </c>
      <c r="C17" s="34">
        <v>9</v>
      </c>
      <c r="D17" s="33" t="s">
        <v>23</v>
      </c>
      <c r="E17" s="34" t="s">
        <v>24</v>
      </c>
      <c r="F17" s="35">
        <v>33</v>
      </c>
      <c r="G17" s="36"/>
      <c r="H17" s="32"/>
    </row>
    <row r="18" spans="1:8" ht="21" customHeight="1" x14ac:dyDescent="0.15">
      <c r="A18" s="37">
        <v>1</v>
      </c>
      <c r="B18" s="38" t="s">
        <v>12</v>
      </c>
      <c r="C18" s="37">
        <v>10</v>
      </c>
      <c r="D18" s="38" t="s">
        <v>25</v>
      </c>
      <c r="E18" s="34" t="s">
        <v>24</v>
      </c>
      <c r="F18" s="40">
        <v>24</v>
      </c>
      <c r="G18" s="49"/>
      <c r="H18" s="42"/>
    </row>
    <row r="19" spans="1:8" ht="21" customHeight="1" x14ac:dyDescent="0.15">
      <c r="A19" s="25">
        <v>1</v>
      </c>
      <c r="B19" s="43" t="s">
        <v>12</v>
      </c>
      <c r="C19" s="25">
        <v>11</v>
      </c>
      <c r="D19" s="43" t="s">
        <v>26</v>
      </c>
      <c r="E19" s="34" t="s">
        <v>24</v>
      </c>
      <c r="F19" s="45">
        <v>37</v>
      </c>
      <c r="G19" s="48"/>
      <c r="H19" s="47"/>
    </row>
    <row r="20" spans="1:8" ht="21" customHeight="1" x14ac:dyDescent="0.15">
      <c r="A20" s="25">
        <v>1</v>
      </c>
      <c r="B20" s="33" t="s">
        <v>12</v>
      </c>
      <c r="C20" s="34">
        <v>12</v>
      </c>
      <c r="D20" s="33" t="s">
        <v>27</v>
      </c>
      <c r="E20" s="34" t="s">
        <v>24</v>
      </c>
      <c r="F20" s="35">
        <v>26</v>
      </c>
      <c r="G20" s="36"/>
      <c r="H20" s="32"/>
    </row>
    <row r="21" spans="1:8" ht="21" customHeight="1" x14ac:dyDescent="0.15">
      <c r="A21" s="25">
        <v>1</v>
      </c>
      <c r="B21" s="33" t="s">
        <v>12</v>
      </c>
      <c r="C21" s="34">
        <v>13</v>
      </c>
      <c r="D21" s="33" t="s">
        <v>28</v>
      </c>
      <c r="E21" s="34" t="s">
        <v>14</v>
      </c>
      <c r="F21" s="35">
        <v>6</v>
      </c>
      <c r="G21" s="36"/>
      <c r="H21" s="32"/>
    </row>
    <row r="22" spans="1:8" ht="21" customHeight="1" x14ac:dyDescent="0.15">
      <c r="A22" s="25">
        <v>1</v>
      </c>
      <c r="B22" s="33" t="s">
        <v>12</v>
      </c>
      <c r="C22" s="34">
        <v>14</v>
      </c>
      <c r="D22" s="33" t="s">
        <v>29</v>
      </c>
      <c r="E22" s="34" t="s">
        <v>14</v>
      </c>
      <c r="F22" s="35">
        <v>19</v>
      </c>
      <c r="G22" s="36"/>
      <c r="H22" s="32"/>
    </row>
    <row r="23" spans="1:8" ht="21" customHeight="1" x14ac:dyDescent="0.15">
      <c r="A23" s="37">
        <v>1</v>
      </c>
      <c r="B23" s="38" t="s">
        <v>12</v>
      </c>
      <c r="C23" s="37">
        <v>15</v>
      </c>
      <c r="D23" s="50" t="s">
        <v>30</v>
      </c>
      <c r="E23" s="39" t="s">
        <v>22</v>
      </c>
      <c r="F23" s="40">
        <v>6</v>
      </c>
      <c r="G23" s="51"/>
      <c r="H23" s="42"/>
    </row>
    <row r="24" spans="1:8" ht="21" customHeight="1" x14ac:dyDescent="0.15">
      <c r="A24" s="25">
        <v>1</v>
      </c>
      <c r="B24" s="43" t="s">
        <v>12</v>
      </c>
      <c r="C24" s="25">
        <v>16</v>
      </c>
      <c r="D24" s="52" t="s">
        <v>31</v>
      </c>
      <c r="E24" s="44" t="s">
        <v>22</v>
      </c>
      <c r="F24" s="45">
        <v>6</v>
      </c>
      <c r="G24" s="48"/>
      <c r="H24" s="47"/>
    </row>
    <row r="25" spans="1:8" ht="21" customHeight="1" x14ac:dyDescent="0.15">
      <c r="A25" s="25">
        <v>1</v>
      </c>
      <c r="B25" s="33" t="s">
        <v>12</v>
      </c>
      <c r="C25" s="34">
        <v>17</v>
      </c>
      <c r="D25" s="33" t="s">
        <v>32</v>
      </c>
      <c r="E25" s="34" t="s">
        <v>22</v>
      </c>
      <c r="F25" s="35">
        <v>14</v>
      </c>
      <c r="G25" s="36"/>
      <c r="H25" s="32"/>
    </row>
    <row r="26" spans="1:8" ht="21" customHeight="1" x14ac:dyDescent="0.15">
      <c r="A26" s="25">
        <v>1</v>
      </c>
      <c r="B26" s="33" t="s">
        <v>12</v>
      </c>
      <c r="C26" s="34">
        <v>18</v>
      </c>
      <c r="D26" s="33" t="s">
        <v>33</v>
      </c>
      <c r="E26" s="34" t="s">
        <v>14</v>
      </c>
      <c r="F26" s="35">
        <v>8</v>
      </c>
      <c r="G26" s="36"/>
      <c r="H26" s="32"/>
    </row>
    <row r="27" spans="1:8" ht="21" customHeight="1" x14ac:dyDescent="0.15">
      <c r="A27" s="25">
        <v>1</v>
      </c>
      <c r="B27" s="33" t="s">
        <v>12</v>
      </c>
      <c r="C27" s="34">
        <v>19</v>
      </c>
      <c r="D27" s="33" t="s">
        <v>34</v>
      </c>
      <c r="E27" s="34" t="s">
        <v>14</v>
      </c>
      <c r="F27" s="35">
        <v>6</v>
      </c>
      <c r="G27" s="36"/>
      <c r="H27" s="32"/>
    </row>
    <row r="28" spans="1:8" ht="21" customHeight="1" x14ac:dyDescent="0.15">
      <c r="A28" s="37">
        <v>1</v>
      </c>
      <c r="B28" s="38" t="s">
        <v>12</v>
      </c>
      <c r="C28" s="37">
        <v>20</v>
      </c>
      <c r="D28" s="38" t="s">
        <v>35</v>
      </c>
      <c r="E28" s="37" t="s">
        <v>22</v>
      </c>
      <c r="F28" s="40">
        <v>5</v>
      </c>
      <c r="G28" s="49"/>
      <c r="H28" s="42"/>
    </row>
    <row r="29" spans="1:8" ht="21" customHeight="1" x14ac:dyDescent="0.15">
      <c r="A29" s="25">
        <v>1</v>
      </c>
      <c r="B29" s="43" t="s">
        <v>12</v>
      </c>
      <c r="C29" s="25">
        <v>21</v>
      </c>
      <c r="D29" s="43" t="s">
        <v>36</v>
      </c>
      <c r="E29" s="25" t="s">
        <v>22</v>
      </c>
      <c r="F29" s="45">
        <v>6</v>
      </c>
      <c r="G29" s="48"/>
      <c r="H29" s="47"/>
    </row>
    <row r="30" spans="1:8" ht="21" customHeight="1" x14ac:dyDescent="0.15">
      <c r="A30" s="25">
        <v>1</v>
      </c>
      <c r="B30" s="33" t="s">
        <v>12</v>
      </c>
      <c r="C30" s="34">
        <v>22</v>
      </c>
      <c r="D30" s="33" t="s">
        <v>37</v>
      </c>
      <c r="E30" s="34" t="s">
        <v>22</v>
      </c>
      <c r="F30" s="35">
        <v>324</v>
      </c>
      <c r="G30" s="36"/>
      <c r="H30" s="32"/>
    </row>
    <row r="31" spans="1:8" ht="21" customHeight="1" x14ac:dyDescent="0.15">
      <c r="A31" s="25">
        <v>1</v>
      </c>
      <c r="B31" s="33" t="s">
        <v>12</v>
      </c>
      <c r="C31" s="34">
        <v>23</v>
      </c>
      <c r="D31" s="33" t="s">
        <v>38</v>
      </c>
      <c r="E31" s="34" t="s">
        <v>22</v>
      </c>
      <c r="F31" s="35">
        <v>6</v>
      </c>
      <c r="G31" s="36"/>
      <c r="H31" s="32"/>
    </row>
    <row r="32" spans="1:8" ht="21" customHeight="1" x14ac:dyDescent="0.15">
      <c r="A32" s="25">
        <v>1</v>
      </c>
      <c r="B32" s="33" t="s">
        <v>12</v>
      </c>
      <c r="C32" s="34">
        <v>24</v>
      </c>
      <c r="D32" s="33" t="s">
        <v>39</v>
      </c>
      <c r="E32" s="34" t="s">
        <v>22</v>
      </c>
      <c r="F32" s="35">
        <v>6</v>
      </c>
      <c r="G32" s="36"/>
      <c r="H32" s="32"/>
    </row>
    <row r="33" spans="1:8" ht="21" customHeight="1" x14ac:dyDescent="0.15">
      <c r="A33" s="37">
        <v>1</v>
      </c>
      <c r="B33" s="38" t="s">
        <v>12</v>
      </c>
      <c r="C33" s="37">
        <v>25</v>
      </c>
      <c r="D33" s="50" t="s">
        <v>40</v>
      </c>
      <c r="E33" s="39" t="s">
        <v>14</v>
      </c>
      <c r="F33" s="40">
        <v>100</v>
      </c>
      <c r="G33" s="51"/>
      <c r="H33" s="42"/>
    </row>
    <row r="34" spans="1:8" ht="21" customHeight="1" x14ac:dyDescent="0.15">
      <c r="A34" s="25">
        <v>1</v>
      </c>
      <c r="B34" s="43" t="s">
        <v>12</v>
      </c>
      <c r="C34" s="25">
        <v>26</v>
      </c>
      <c r="D34" s="52" t="s">
        <v>41</v>
      </c>
      <c r="E34" s="44" t="s">
        <v>14</v>
      </c>
      <c r="F34" s="45">
        <v>60</v>
      </c>
      <c r="G34" s="48"/>
      <c r="H34" s="47"/>
    </row>
    <row r="35" spans="1:8" ht="21" customHeight="1" x14ac:dyDescent="0.15">
      <c r="A35" s="25">
        <v>1</v>
      </c>
      <c r="B35" s="33" t="s">
        <v>12</v>
      </c>
      <c r="C35" s="34">
        <v>27</v>
      </c>
      <c r="D35" s="33" t="s">
        <v>42</v>
      </c>
      <c r="E35" s="34" t="s">
        <v>24</v>
      </c>
      <c r="F35" s="35">
        <v>10</v>
      </c>
      <c r="G35" s="36"/>
      <c r="H35" s="32"/>
    </row>
    <row r="36" spans="1:8" ht="21" customHeight="1" x14ac:dyDescent="0.15">
      <c r="A36" s="25">
        <v>1</v>
      </c>
      <c r="B36" s="33" t="s">
        <v>12</v>
      </c>
      <c r="C36" s="34">
        <v>28</v>
      </c>
      <c r="D36" s="33" t="s">
        <v>43</v>
      </c>
      <c r="E36" s="34" t="s">
        <v>24</v>
      </c>
      <c r="F36" s="35">
        <v>10</v>
      </c>
      <c r="G36" s="36"/>
      <c r="H36" s="32"/>
    </row>
    <row r="37" spans="1:8" ht="21" customHeight="1" x14ac:dyDescent="0.15">
      <c r="A37" s="25">
        <v>1</v>
      </c>
      <c r="B37" s="33" t="s">
        <v>12</v>
      </c>
      <c r="C37" s="34">
        <v>29</v>
      </c>
      <c r="D37" s="33" t="s">
        <v>44</v>
      </c>
      <c r="E37" s="34" t="s">
        <v>24</v>
      </c>
      <c r="F37" s="35">
        <v>10</v>
      </c>
      <c r="G37" s="36"/>
      <c r="H37" s="32"/>
    </row>
    <row r="38" spans="1:8" ht="21" customHeight="1" x14ac:dyDescent="0.15">
      <c r="A38" s="37">
        <v>1</v>
      </c>
      <c r="B38" s="38" t="s">
        <v>12</v>
      </c>
      <c r="C38" s="37">
        <v>30</v>
      </c>
      <c r="D38" s="38" t="s">
        <v>45</v>
      </c>
      <c r="E38" s="37" t="s">
        <v>24</v>
      </c>
      <c r="F38" s="53">
        <v>10</v>
      </c>
      <c r="G38" s="51"/>
      <c r="H38" s="42"/>
    </row>
    <row r="39" spans="1:8" ht="21" customHeight="1" x14ac:dyDescent="0.15">
      <c r="A39" s="25">
        <v>1</v>
      </c>
      <c r="B39" s="43" t="s">
        <v>12</v>
      </c>
      <c r="C39" s="25">
        <v>31</v>
      </c>
      <c r="D39" s="43" t="s">
        <v>46</v>
      </c>
      <c r="E39" s="25" t="s">
        <v>22</v>
      </c>
      <c r="F39" s="45">
        <v>10</v>
      </c>
      <c r="G39" s="48"/>
      <c r="H39" s="47"/>
    </row>
    <row r="40" spans="1:8" ht="21" customHeight="1" x14ac:dyDescent="0.15">
      <c r="A40" s="25">
        <v>1</v>
      </c>
      <c r="B40" s="33" t="s">
        <v>12</v>
      </c>
      <c r="C40" s="34">
        <v>32</v>
      </c>
      <c r="D40" s="33" t="s">
        <v>47</v>
      </c>
      <c r="E40" s="34" t="s">
        <v>22</v>
      </c>
      <c r="F40" s="35">
        <v>10</v>
      </c>
      <c r="G40" s="36"/>
      <c r="H40" s="32"/>
    </row>
    <row r="41" spans="1:8" ht="21" customHeight="1" x14ac:dyDescent="0.15">
      <c r="A41" s="25">
        <v>1</v>
      </c>
      <c r="B41" s="33" t="s">
        <v>12</v>
      </c>
      <c r="C41" s="34">
        <v>33</v>
      </c>
      <c r="D41" s="33" t="s">
        <v>48</v>
      </c>
      <c r="E41" s="34" t="s">
        <v>22</v>
      </c>
      <c r="F41" s="35">
        <v>48</v>
      </c>
      <c r="G41" s="36"/>
      <c r="H41" s="32"/>
    </row>
    <row r="42" spans="1:8" ht="21" customHeight="1" x14ac:dyDescent="0.15">
      <c r="A42" s="25">
        <v>1</v>
      </c>
      <c r="B42" s="33" t="s">
        <v>12</v>
      </c>
      <c r="C42" s="34">
        <v>34</v>
      </c>
      <c r="D42" s="33" t="s">
        <v>49</v>
      </c>
      <c r="E42" s="34" t="s">
        <v>14</v>
      </c>
      <c r="F42" s="35">
        <v>20</v>
      </c>
      <c r="G42" s="36"/>
      <c r="H42" s="32"/>
    </row>
    <row r="43" spans="1:8" ht="21" customHeight="1" x14ac:dyDescent="0.15">
      <c r="A43" s="37">
        <v>1</v>
      </c>
      <c r="B43" s="38" t="s">
        <v>12</v>
      </c>
      <c r="C43" s="37">
        <v>35</v>
      </c>
      <c r="D43" s="38" t="s">
        <v>50</v>
      </c>
      <c r="E43" s="37" t="s">
        <v>14</v>
      </c>
      <c r="F43" s="53">
        <v>10</v>
      </c>
      <c r="G43" s="51"/>
      <c r="H43" s="42"/>
    </row>
    <row r="44" spans="1:8" ht="21" customHeight="1" x14ac:dyDescent="0.15">
      <c r="A44" s="25">
        <v>1</v>
      </c>
      <c r="B44" s="43" t="s">
        <v>12</v>
      </c>
      <c r="C44" s="25">
        <v>36</v>
      </c>
      <c r="D44" s="43" t="s">
        <v>51</v>
      </c>
      <c r="E44" s="25" t="s">
        <v>14</v>
      </c>
      <c r="F44" s="45">
        <v>10</v>
      </c>
      <c r="G44" s="48"/>
      <c r="H44" s="47"/>
    </row>
    <row r="45" spans="1:8" ht="21" customHeight="1" x14ac:dyDescent="0.15">
      <c r="A45" s="25"/>
      <c r="B45" s="33"/>
      <c r="C45" s="34"/>
      <c r="D45" s="33"/>
      <c r="E45" s="34"/>
      <c r="F45" s="35"/>
      <c r="G45" s="36"/>
      <c r="H45" s="32"/>
    </row>
    <row r="46" spans="1:8" ht="21" customHeight="1" x14ac:dyDescent="0.15">
      <c r="A46" s="25"/>
      <c r="B46" s="33"/>
      <c r="C46" s="34"/>
      <c r="D46" s="33"/>
      <c r="E46" s="34"/>
      <c r="F46" s="35"/>
      <c r="G46" s="36"/>
      <c r="H46" s="32"/>
    </row>
    <row r="47" spans="1:8" ht="21" customHeight="1" x14ac:dyDescent="0.15">
      <c r="A47" s="25"/>
      <c r="B47" s="33"/>
      <c r="C47" s="34"/>
      <c r="D47" s="33"/>
      <c r="E47" s="34"/>
      <c r="F47" s="35"/>
      <c r="G47" s="36"/>
      <c r="H47" s="32"/>
    </row>
    <row r="48" spans="1:8" ht="21" customHeight="1" thickBot="1" x14ac:dyDescent="0.2">
      <c r="A48" s="37"/>
      <c r="B48" s="38"/>
      <c r="C48" s="37"/>
      <c r="D48" s="38"/>
      <c r="E48" s="37"/>
      <c r="F48" s="53"/>
      <c r="G48" s="36"/>
      <c r="H48" s="32"/>
    </row>
    <row r="49" spans="1:8" ht="21" customHeight="1" thickBot="1" x14ac:dyDescent="0.2">
      <c r="A49" s="54" t="s">
        <v>52</v>
      </c>
      <c r="B49" s="55"/>
      <c r="C49" s="55"/>
      <c r="D49" s="55"/>
      <c r="E49" s="55"/>
      <c r="F49" s="55"/>
      <c r="G49" s="55"/>
      <c r="H49" s="56"/>
    </row>
    <row r="50" spans="1:8" ht="20.25" customHeight="1" x14ac:dyDescent="0.15">
      <c r="A50" s="57" t="s">
        <v>53</v>
      </c>
      <c r="B50" s="57"/>
      <c r="C50" s="57"/>
      <c r="D50" s="57"/>
      <c r="E50" s="57"/>
      <c r="F50" s="57"/>
      <c r="G50" s="57"/>
      <c r="H50" s="57"/>
    </row>
    <row r="51" spans="1:8" ht="20.25" customHeight="1" x14ac:dyDescent="0.15">
      <c r="A51" s="57"/>
      <c r="B51" s="57"/>
      <c r="C51" s="57"/>
      <c r="D51" s="57"/>
      <c r="E51" s="57"/>
      <c r="F51" s="57"/>
      <c r="G51" s="57"/>
      <c r="H51" s="57"/>
    </row>
    <row r="52" spans="1:8" ht="17.25" x14ac:dyDescent="0.15">
      <c r="A52" s="58"/>
      <c r="B52" s="58"/>
      <c r="C52" s="58"/>
      <c r="D52" s="58"/>
      <c r="E52" s="58"/>
      <c r="F52" s="58"/>
      <c r="G52" s="59" t="s">
        <v>54</v>
      </c>
      <c r="H52" s="58"/>
    </row>
    <row r="53" spans="1:8" ht="17.25" x14ac:dyDescent="0.15">
      <c r="A53" s="58"/>
      <c r="B53" s="58" t="s">
        <v>55</v>
      </c>
      <c r="C53" s="58"/>
      <c r="D53" s="58"/>
      <c r="E53" s="58"/>
      <c r="F53" s="58"/>
      <c r="G53" s="58"/>
      <c r="H53" s="58"/>
    </row>
    <row r="54" spans="1:8" ht="17.25" x14ac:dyDescent="0.15">
      <c r="A54" s="58"/>
      <c r="B54" s="60" t="s">
        <v>56</v>
      </c>
      <c r="C54" s="58"/>
      <c r="D54" s="58"/>
      <c r="E54" s="58"/>
      <c r="F54" s="58"/>
      <c r="G54" s="58"/>
      <c r="H54" s="58"/>
    </row>
    <row r="55" spans="1:8" ht="17.25" x14ac:dyDescent="0.15">
      <c r="A55" s="58"/>
      <c r="B55" s="58"/>
      <c r="C55" s="58"/>
      <c r="D55" s="59" t="s">
        <v>57</v>
      </c>
      <c r="E55" s="58"/>
      <c r="F55" s="58"/>
      <c r="G55" s="58"/>
      <c r="H55" s="58"/>
    </row>
    <row r="56" spans="1:8" ht="17.25" x14ac:dyDescent="0.15">
      <c r="A56" s="58"/>
      <c r="B56" s="58"/>
      <c r="C56" s="58"/>
      <c r="D56" s="59" t="s">
        <v>58</v>
      </c>
      <c r="E56" s="58"/>
      <c r="F56" s="58"/>
      <c r="G56" s="58"/>
      <c r="H56" s="59" t="s">
        <v>59</v>
      </c>
    </row>
    <row r="57" spans="1:8" ht="17.25" x14ac:dyDescent="0.15">
      <c r="A57" s="58"/>
      <c r="B57" s="58"/>
      <c r="C57" s="58"/>
      <c r="D57" s="59" t="s">
        <v>60</v>
      </c>
      <c r="E57" s="58"/>
      <c r="F57" s="58"/>
      <c r="G57" s="58"/>
      <c r="H57" s="58"/>
    </row>
    <row r="58" spans="1:8" ht="17.25" x14ac:dyDescent="0.15">
      <c r="A58" s="5"/>
      <c r="B58" s="58"/>
      <c r="C58" s="58"/>
      <c r="D58" s="58"/>
      <c r="E58" s="58"/>
      <c r="F58" s="61"/>
      <c r="G58" s="58"/>
      <c r="H58" s="58"/>
    </row>
    <row r="59" spans="1:8" ht="17.25" x14ac:dyDescent="0.15">
      <c r="A59" s="5"/>
      <c r="B59" s="58"/>
      <c r="C59" s="58"/>
      <c r="D59" s="59" t="s">
        <v>61</v>
      </c>
      <c r="E59" s="58"/>
      <c r="F59" s="61"/>
      <c r="G59" s="58"/>
      <c r="H59" s="59" t="s">
        <v>59</v>
      </c>
    </row>
    <row r="60" spans="1:8" ht="17.25" x14ac:dyDescent="0.15">
      <c r="B60" s="58"/>
      <c r="C60" s="58"/>
      <c r="D60" s="58"/>
      <c r="E60" s="58"/>
      <c r="F60" s="61"/>
      <c r="G60" s="58"/>
      <c r="H60" s="58"/>
    </row>
    <row r="62" spans="1:8" ht="20.100000000000001" customHeight="1" x14ac:dyDescent="0.15">
      <c r="A62" s="62" t="s">
        <v>62</v>
      </c>
      <c r="B62" s="62"/>
      <c r="C62" s="62"/>
      <c r="D62" s="62"/>
      <c r="E62" s="62"/>
      <c r="F62" s="62"/>
      <c r="G62" s="62"/>
      <c r="H62" s="62"/>
    </row>
    <row r="63" spans="1:8" ht="20.100000000000001" customHeight="1" x14ac:dyDescent="0.15">
      <c r="A63" s="62" t="s">
        <v>63</v>
      </c>
      <c r="B63" s="62"/>
      <c r="C63" s="62"/>
      <c r="D63" s="62"/>
      <c r="E63" s="62"/>
      <c r="F63" s="62"/>
      <c r="G63" s="62"/>
      <c r="H63" s="62"/>
    </row>
  </sheetData>
  <dataConsolidate/>
  <mergeCells count="10">
    <mergeCell ref="A49:G49"/>
    <mergeCell ref="A50:H51"/>
    <mergeCell ref="A62:H62"/>
    <mergeCell ref="A63:H63"/>
    <mergeCell ref="B1:D1"/>
    <mergeCell ref="A3:H3"/>
    <mergeCell ref="C5:F5"/>
    <mergeCell ref="B7:D7"/>
    <mergeCell ref="A8:B8"/>
    <mergeCell ref="C8:D8"/>
  </mergeCells>
  <phoneticPr fontId="3"/>
  <conditionalFormatting sqref="A9:A50">
    <cfRule type="expression" dxfId="4" priority="5" stopIfTrue="1">
      <formula>ISERROR(B9)</formula>
    </cfRule>
  </conditionalFormatting>
  <conditionalFormatting sqref="B9:F48">
    <cfRule type="expression" dxfId="3" priority="1" stopIfTrue="1">
      <formula>ISERROR(B9)</formula>
    </cfRule>
  </conditionalFormatting>
  <conditionalFormatting sqref="G11:G48">
    <cfRule type="expression" dxfId="2" priority="3" stopIfTrue="1">
      <formula>ISERROR(G11)</formula>
    </cfRule>
  </conditionalFormatting>
  <conditionalFormatting sqref="G9:H10">
    <cfRule type="expression" dxfId="1" priority="4" stopIfTrue="1">
      <formula>ISERROR(G9)</formula>
    </cfRule>
  </conditionalFormatting>
  <conditionalFormatting sqref="H11:H49">
    <cfRule type="expression" dxfId="0" priority="2" stopIfTrue="1">
      <formula>ISERROR(H11)</formula>
    </cfRule>
  </conditionalFormatting>
  <pageMargins left="0.98425196850393704" right="0.19685039370078741" top="0.35433070866141736" bottom="0.19685039370078741" header="0.35433070866141736" footer="0.19685039370078741"/>
  <pageSetup paperSize="9" scale="69" orientation="portrait" copies="2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12</vt:lpstr>
      <vt:lpstr>'21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田 篤史</dc:creator>
  <cp:lastModifiedBy>岩田 篤史</cp:lastModifiedBy>
  <dcterms:created xsi:type="dcterms:W3CDTF">2026-02-10T10:08:47Z</dcterms:created>
  <dcterms:modified xsi:type="dcterms:W3CDTF">2026-02-10T10:09:11Z</dcterms:modified>
</cp:coreProperties>
</file>